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7\HP1807\"/>
    </mc:Choice>
  </mc:AlternateContent>
  <bookViews>
    <workbookView xWindow="0" yWindow="0" windowWidth="23040" windowHeight="9384"/>
  </bookViews>
  <sheets>
    <sheet name="jinko" sheetId="1" r:id="rId1"/>
  </sheets>
  <definedNames>
    <definedName name="_xlnm.Print_Area" localSheetId="0">jinko!$A$1:$AF$3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1" uniqueCount="32">
  <si>
    <t>富山市の人口</t>
  </si>
  <si>
    <t>住民基本台帳人口</t>
  </si>
  <si>
    <t>平成　　30　 年</t>
    <phoneticPr fontId="7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平成30年　　月別動態別人口）</t>
    <phoneticPr fontId="7"/>
  </si>
  <si>
    <t>自　　然　　動　　態</t>
    <rPh sb="6" eb="7">
      <t>ドウ</t>
    </rPh>
    <rPh sb="9" eb="10">
      <t>タイ</t>
    </rPh>
    <phoneticPr fontId="7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7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7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7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70">
    <xf numFmtId="0" fontId="0" fillId="0" borderId="0" xfId="0">
      <alignment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0" xfId="1" applyFont="1" applyAlignment="1">
      <alignment horizontal="distributed" vertical="center"/>
    </xf>
    <xf numFmtId="0" fontId="5" fillId="0" borderId="0" xfId="1" applyFont="1" applyAlignment="1">
      <alignment horizontal="distributed" vertical="center"/>
    </xf>
    <xf numFmtId="0" fontId="6" fillId="0" borderId="0" xfId="1" applyFont="1" applyFill="1" applyAlignment="1" applyProtection="1">
      <alignment vertical="center"/>
      <protection locked="0"/>
    </xf>
    <xf numFmtId="0" fontId="6" fillId="0" borderId="0" xfId="1" applyFont="1" applyAlignment="1">
      <alignment vertical="center"/>
    </xf>
    <xf numFmtId="177" fontId="6" fillId="0" borderId="0" xfId="1" applyNumberFormat="1" applyFont="1" applyAlignment="1">
      <alignment vertical="center"/>
    </xf>
    <xf numFmtId="0" fontId="6" fillId="0" borderId="0" xfId="1" applyFont="1" applyAlignment="1">
      <alignment horizontal="center" vertical="center"/>
    </xf>
    <xf numFmtId="0" fontId="6" fillId="0" borderId="0" xfId="1" applyFont="1" applyAlignment="1">
      <alignment horizontal="right" vertical="center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vertical="center"/>
    </xf>
    <xf numFmtId="0" fontId="2" fillId="0" borderId="10" xfId="1" applyFont="1" applyBorder="1" applyAlignment="1">
      <alignment vertical="center"/>
    </xf>
    <xf numFmtId="0" fontId="2" fillId="0" borderId="15" xfId="1" applyFont="1" applyBorder="1" applyAlignment="1">
      <alignment horizontal="center" vertical="center"/>
    </xf>
    <xf numFmtId="0" fontId="2" fillId="0" borderId="26" xfId="1" applyFont="1" applyBorder="1" applyAlignment="1">
      <alignment horizontal="center" vertical="center"/>
    </xf>
    <xf numFmtId="0" fontId="2" fillId="0" borderId="27" xfId="1" applyFont="1" applyBorder="1" applyAlignment="1">
      <alignment horizontal="center" vertical="center"/>
    </xf>
    <xf numFmtId="0" fontId="2" fillId="0" borderId="28" xfId="1" applyFont="1" applyBorder="1" applyAlignment="1">
      <alignment horizontal="center" vertical="center"/>
    </xf>
    <xf numFmtId="0" fontId="2" fillId="0" borderId="29" xfId="1" applyFont="1" applyBorder="1" applyAlignment="1">
      <alignment horizontal="center" vertical="center"/>
    </xf>
    <xf numFmtId="0" fontId="2" fillId="0" borderId="30" xfId="1" applyFont="1" applyBorder="1" applyAlignment="1">
      <alignment horizontal="center" vertical="center"/>
    </xf>
    <xf numFmtId="179" fontId="2" fillId="2" borderId="31" xfId="1" applyNumberFormat="1" applyFont="1" applyFill="1" applyBorder="1" applyAlignment="1" applyProtection="1">
      <alignment horizontal="right" vertical="center"/>
      <protection locked="0"/>
    </xf>
    <xf numFmtId="179" fontId="2" fillId="0" borderId="31" xfId="1" applyNumberFormat="1" applyFont="1" applyBorder="1" applyAlignment="1">
      <alignment horizontal="right" vertical="center"/>
    </xf>
    <xf numFmtId="180" fontId="2" fillId="0" borderId="31" xfId="1" applyNumberFormat="1" applyFont="1" applyBorder="1" applyAlignment="1">
      <alignment horizontal="right" vertical="center"/>
    </xf>
    <xf numFmtId="180" fontId="2" fillId="0" borderId="32" xfId="1" applyNumberFormat="1" applyFont="1" applyBorder="1" applyAlignment="1">
      <alignment horizontal="right" vertical="center"/>
    </xf>
    <xf numFmtId="0" fontId="2" fillId="0" borderId="33" xfId="1" applyFont="1" applyBorder="1" applyAlignment="1">
      <alignment horizontal="center" vertical="center"/>
    </xf>
    <xf numFmtId="179" fontId="2" fillId="2" borderId="34" xfId="1" applyNumberFormat="1" applyFont="1" applyFill="1" applyBorder="1" applyAlignment="1" applyProtection="1">
      <alignment horizontal="right" vertical="center"/>
      <protection locked="0"/>
    </xf>
    <xf numFmtId="179" fontId="2" fillId="0" borderId="34" xfId="1" applyNumberFormat="1" applyFont="1" applyBorder="1" applyAlignment="1">
      <alignment horizontal="right" vertical="center"/>
    </xf>
    <xf numFmtId="180" fontId="2" fillId="0" borderId="34" xfId="1" applyNumberFormat="1" applyFont="1" applyBorder="1" applyAlignment="1">
      <alignment horizontal="right" vertical="center"/>
    </xf>
    <xf numFmtId="180" fontId="2" fillId="0" borderId="35" xfId="1" applyNumberFormat="1" applyFont="1" applyBorder="1" applyAlignment="1">
      <alignment horizontal="right" vertical="center"/>
    </xf>
    <xf numFmtId="0" fontId="2" fillId="0" borderId="36" xfId="1" applyFont="1" applyBorder="1" applyAlignment="1">
      <alignment horizontal="center" vertical="center"/>
    </xf>
    <xf numFmtId="179" fontId="2" fillId="2" borderId="37" xfId="1" applyNumberFormat="1" applyFont="1" applyFill="1" applyBorder="1" applyAlignment="1" applyProtection="1">
      <alignment horizontal="right" vertical="center"/>
      <protection locked="0"/>
    </xf>
    <xf numFmtId="179" fontId="2" fillId="0" borderId="37" xfId="1" applyNumberFormat="1" applyFont="1" applyBorder="1" applyAlignment="1">
      <alignment horizontal="right" vertical="center"/>
    </xf>
    <xf numFmtId="180" fontId="2" fillId="0" borderId="37" xfId="1" applyNumberFormat="1" applyFont="1" applyBorder="1" applyAlignment="1">
      <alignment horizontal="right" vertical="center"/>
    </xf>
    <xf numFmtId="180" fontId="2" fillId="0" borderId="3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center" vertical="center"/>
    </xf>
    <xf numFmtId="179" fontId="2" fillId="0" borderId="29" xfId="1" applyNumberFormat="1" applyFont="1" applyBorder="1" applyAlignment="1">
      <alignment horizontal="center" vertical="center"/>
    </xf>
    <xf numFmtId="180" fontId="2" fillId="0" borderId="0" xfId="1" applyNumberFormat="1" applyFont="1" applyAlignment="1">
      <alignment horizontal="right" vertical="center"/>
    </xf>
    <xf numFmtId="0" fontId="10" fillId="0" borderId="0" xfId="1" applyFont="1" applyAlignment="1">
      <alignment vertical="center"/>
    </xf>
    <xf numFmtId="180" fontId="2" fillId="0" borderId="0" xfId="1" applyNumberFormat="1" applyFont="1" applyAlignment="1" applyProtection="1">
      <alignment horizontal="right" vertical="center"/>
    </xf>
    <xf numFmtId="0" fontId="2" fillId="0" borderId="15" xfId="1" applyFont="1" applyBorder="1" applyAlignment="1">
      <alignment horizontal="center" vertical="center"/>
    </xf>
    <xf numFmtId="0" fontId="1" fillId="0" borderId="19" xfId="1" applyBorder="1" applyAlignment="1">
      <alignment horizontal="center" vertical="center"/>
    </xf>
    <xf numFmtId="0" fontId="2" fillId="0" borderId="16" xfId="1" applyFont="1" applyBorder="1" applyAlignment="1">
      <alignment horizontal="center" vertical="center"/>
    </xf>
    <xf numFmtId="0" fontId="2" fillId="0" borderId="17" xfId="1" applyFont="1" applyBorder="1" applyAlignment="1">
      <alignment horizontal="center" vertical="center"/>
    </xf>
    <xf numFmtId="0" fontId="2" fillId="0" borderId="18" xfId="1" applyFont="1" applyBorder="1" applyAlignment="1">
      <alignment horizontal="center" vertical="center"/>
    </xf>
    <xf numFmtId="0" fontId="2" fillId="0" borderId="19" xfId="1" applyFont="1" applyBorder="1" applyAlignment="1">
      <alignment horizontal="center" vertical="center"/>
    </xf>
    <xf numFmtId="0" fontId="2" fillId="0" borderId="20" xfId="1" applyFont="1" applyBorder="1" applyAlignment="1">
      <alignment horizontal="center" vertical="center"/>
    </xf>
    <xf numFmtId="0" fontId="1" fillId="0" borderId="0" xfId="1" applyBorder="1" applyAlignment="1">
      <alignment horizontal="center" vertical="center"/>
    </xf>
    <xf numFmtId="0" fontId="1" fillId="0" borderId="21" xfId="1" applyBorder="1" applyAlignment="1">
      <alignment horizontal="center" vertical="center"/>
    </xf>
    <xf numFmtId="0" fontId="1" fillId="0" borderId="22" xfId="1" applyBorder="1" applyAlignment="1">
      <alignment horizontal="center" vertical="center"/>
    </xf>
    <xf numFmtId="0" fontId="1" fillId="0" borderId="23" xfId="1" applyBorder="1" applyAlignment="1">
      <alignment horizontal="center" vertical="center"/>
    </xf>
    <xf numFmtId="0" fontId="1" fillId="0" borderId="25" xfId="1" applyBorder="1" applyAlignment="1">
      <alignment horizontal="center" vertical="center"/>
    </xf>
    <xf numFmtId="176" fontId="6" fillId="0" borderId="0" xfId="1" applyNumberFormat="1" applyFont="1" applyAlignment="1">
      <alignment horizontal="right" vertical="center"/>
    </xf>
    <xf numFmtId="0" fontId="6" fillId="0" borderId="0" xfId="1" applyFont="1" applyAlignment="1">
      <alignment horizontal="distributed" vertical="center"/>
    </xf>
    <xf numFmtId="178" fontId="6" fillId="2" borderId="0" xfId="1" applyNumberFormat="1" applyFont="1" applyFill="1" applyAlignment="1" applyProtection="1">
      <alignment horizontal="right" vertical="center"/>
      <protection locked="0"/>
    </xf>
    <xf numFmtId="0" fontId="8" fillId="0" borderId="0" xfId="1" applyFont="1" applyAlignment="1">
      <alignment horizontal="distributed" vertical="center"/>
    </xf>
    <xf numFmtId="0" fontId="9" fillId="0" borderId="0" xfId="1" applyFont="1" applyAlignment="1">
      <alignment horizontal="distributed" vertical="center"/>
    </xf>
    <xf numFmtId="0" fontId="2" fillId="0" borderId="4" xfId="1" applyFont="1" applyBorder="1" applyAlignment="1">
      <alignment horizontal="center" vertical="center"/>
    </xf>
    <xf numFmtId="0" fontId="1" fillId="0" borderId="11" xfId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1" fillId="0" borderId="13" xfId="1" applyBorder="1" applyAlignment="1">
      <alignment horizontal="center" vertical="center"/>
    </xf>
    <xf numFmtId="0" fontId="1" fillId="0" borderId="14" xfId="1" applyBorder="1" applyAlignment="1">
      <alignment horizontal="center" vertical="center"/>
    </xf>
    <xf numFmtId="0" fontId="1" fillId="0" borderId="24" xfId="1" applyBorder="1" applyAlignment="1">
      <alignment horizontal="center" vertical="center"/>
    </xf>
    <xf numFmtId="0" fontId="4" fillId="0" borderId="1" xfId="1" applyFont="1" applyBorder="1" applyAlignment="1">
      <alignment horizontal="distributed" vertical="center"/>
    </xf>
    <xf numFmtId="0" fontId="4" fillId="0" borderId="2" xfId="1" applyFont="1" applyBorder="1" applyAlignment="1">
      <alignment horizontal="distributed" vertical="center"/>
    </xf>
    <xf numFmtId="0" fontId="4" fillId="0" borderId="3" xfId="1" applyFont="1" applyBorder="1" applyAlignment="1">
      <alignment horizontal="distributed" vertical="center"/>
    </xf>
    <xf numFmtId="0" fontId="6" fillId="0" borderId="0" xfId="1" applyFont="1" applyAlignment="1">
      <alignment horizontal="right" vertical="center"/>
    </xf>
    <xf numFmtId="0" fontId="1" fillId="0" borderId="0" xfId="1" applyAlignment="1">
      <alignment horizontal="righ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>
    <pageSetUpPr fitToPage="1"/>
  </sheetPr>
  <dimension ref="A1:WTM33"/>
  <sheetViews>
    <sheetView tabSelected="1" zoomScaleNormal="100" workbookViewId="0">
      <selection activeCell="AI1" sqref="AI1:XFD1048576"/>
    </sheetView>
  </sheetViews>
  <sheetFormatPr defaultColWidth="0" defaultRowHeight="13.2"/>
  <cols>
    <col min="1" max="1" width="3.6640625" style="1" customWidth="1"/>
    <col min="2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4" width="9" style="2" customWidth="1"/>
    <col min="35" max="177" width="9" style="2" hidden="1"/>
    <col min="178" max="178" width="3.6640625" style="2" hidden="1"/>
    <col min="179" max="193" width="5.6640625" style="2" hidden="1"/>
    <col min="194" max="194" width="6.6640625" style="2" hidden="1"/>
    <col min="195" max="202" width="5.6640625" style="2" hidden="1"/>
    <col min="203" max="205" width="6.6640625" style="2" hidden="1"/>
    <col min="206" max="209" width="8.6640625" style="2" hidden="1"/>
    <col min="210" max="433" width="9" style="2" hidden="1"/>
    <col min="434" max="434" width="3.6640625" style="2" hidden="1"/>
    <col min="435" max="449" width="5.6640625" style="2" hidden="1"/>
    <col min="450" max="450" width="6.6640625" style="2" hidden="1"/>
    <col min="451" max="458" width="5.6640625" style="2" hidden="1"/>
    <col min="459" max="461" width="6.6640625" style="2" hidden="1"/>
    <col min="462" max="465" width="8.6640625" style="2" hidden="1"/>
    <col min="466" max="689" width="9" style="2" hidden="1"/>
    <col min="690" max="690" width="3.6640625" style="2" hidden="1"/>
    <col min="691" max="705" width="5.6640625" style="2" hidden="1"/>
    <col min="706" max="706" width="6.6640625" style="2" hidden="1"/>
    <col min="707" max="714" width="5.6640625" style="2" hidden="1"/>
    <col min="715" max="717" width="6.6640625" style="2" hidden="1"/>
    <col min="718" max="721" width="8.6640625" style="2" hidden="1"/>
    <col min="722" max="945" width="9" style="2" hidden="1"/>
    <col min="946" max="946" width="3.6640625" style="2" hidden="1"/>
    <col min="947" max="961" width="5.6640625" style="2" hidden="1"/>
    <col min="962" max="962" width="6.6640625" style="2" hidden="1"/>
    <col min="963" max="970" width="5.6640625" style="2" hidden="1"/>
    <col min="971" max="973" width="6.6640625" style="2" hidden="1"/>
    <col min="974" max="977" width="8.6640625" style="2" hidden="1"/>
    <col min="978" max="1201" width="9" style="2" hidden="1"/>
    <col min="1202" max="1202" width="3.6640625" style="2" hidden="1"/>
    <col min="1203" max="1217" width="5.6640625" style="2" hidden="1"/>
    <col min="1218" max="1218" width="6.6640625" style="2" hidden="1"/>
    <col min="1219" max="1226" width="5.6640625" style="2" hidden="1"/>
    <col min="1227" max="1229" width="6.6640625" style="2" hidden="1"/>
    <col min="1230" max="1233" width="8.6640625" style="2" hidden="1"/>
    <col min="1234" max="1457" width="9" style="2" hidden="1"/>
    <col min="1458" max="1458" width="3.6640625" style="2" hidden="1"/>
    <col min="1459" max="1473" width="5.6640625" style="2" hidden="1"/>
    <col min="1474" max="1474" width="6.6640625" style="2" hidden="1"/>
    <col min="1475" max="1482" width="5.6640625" style="2" hidden="1"/>
    <col min="1483" max="1485" width="6.6640625" style="2" hidden="1"/>
    <col min="1486" max="1489" width="8.6640625" style="2" hidden="1"/>
    <col min="1490" max="1713" width="9" style="2" hidden="1"/>
    <col min="1714" max="1714" width="3.6640625" style="2" hidden="1"/>
    <col min="1715" max="1729" width="5.6640625" style="2" hidden="1"/>
    <col min="1730" max="1730" width="6.6640625" style="2" hidden="1"/>
    <col min="1731" max="1738" width="5.6640625" style="2" hidden="1"/>
    <col min="1739" max="1741" width="6.6640625" style="2" hidden="1"/>
    <col min="1742" max="1745" width="8.6640625" style="2" hidden="1"/>
    <col min="1746" max="1969" width="9" style="2" hidden="1"/>
    <col min="1970" max="1970" width="3.6640625" style="2" hidden="1"/>
    <col min="1971" max="1985" width="5.6640625" style="2" hidden="1"/>
    <col min="1986" max="1986" width="6.6640625" style="2" hidden="1"/>
    <col min="1987" max="1994" width="5.6640625" style="2" hidden="1"/>
    <col min="1995" max="1997" width="6.6640625" style="2" hidden="1"/>
    <col min="1998" max="2001" width="8.6640625" style="2" hidden="1"/>
    <col min="2002" max="2225" width="9" style="2" hidden="1"/>
    <col min="2226" max="2226" width="3.6640625" style="2" hidden="1"/>
    <col min="2227" max="2241" width="5.6640625" style="2" hidden="1"/>
    <col min="2242" max="2242" width="6.6640625" style="2" hidden="1"/>
    <col min="2243" max="2250" width="5.6640625" style="2" hidden="1"/>
    <col min="2251" max="2253" width="6.6640625" style="2" hidden="1"/>
    <col min="2254" max="2257" width="8.6640625" style="2" hidden="1"/>
    <col min="2258" max="2481" width="9" style="2" hidden="1"/>
    <col min="2482" max="2482" width="3.6640625" style="2" hidden="1"/>
    <col min="2483" max="2497" width="5.6640625" style="2" hidden="1"/>
    <col min="2498" max="2498" width="6.6640625" style="2" hidden="1"/>
    <col min="2499" max="2506" width="5.6640625" style="2" hidden="1"/>
    <col min="2507" max="2509" width="6.6640625" style="2" hidden="1"/>
    <col min="2510" max="2513" width="8.6640625" style="2" hidden="1"/>
    <col min="2514" max="2737" width="9" style="2" hidden="1"/>
    <col min="2738" max="2738" width="3.6640625" style="2" hidden="1"/>
    <col min="2739" max="2753" width="5.6640625" style="2" hidden="1"/>
    <col min="2754" max="2754" width="6.6640625" style="2" hidden="1"/>
    <col min="2755" max="2762" width="5.6640625" style="2" hidden="1"/>
    <col min="2763" max="2765" width="6.6640625" style="2" hidden="1"/>
    <col min="2766" max="2769" width="8.6640625" style="2" hidden="1"/>
    <col min="2770" max="2993" width="9" style="2" hidden="1"/>
    <col min="2994" max="2994" width="3.6640625" style="2" hidden="1"/>
    <col min="2995" max="3009" width="5.6640625" style="2" hidden="1"/>
    <col min="3010" max="3010" width="6.6640625" style="2" hidden="1"/>
    <col min="3011" max="3018" width="5.6640625" style="2" hidden="1"/>
    <col min="3019" max="3021" width="6.6640625" style="2" hidden="1"/>
    <col min="3022" max="3025" width="8.6640625" style="2" hidden="1"/>
    <col min="3026" max="3249" width="9" style="2" hidden="1"/>
    <col min="3250" max="3250" width="3.6640625" style="2" hidden="1"/>
    <col min="3251" max="3265" width="5.6640625" style="2" hidden="1"/>
    <col min="3266" max="3266" width="6.6640625" style="2" hidden="1"/>
    <col min="3267" max="3274" width="5.6640625" style="2" hidden="1"/>
    <col min="3275" max="3277" width="6.6640625" style="2" hidden="1"/>
    <col min="3278" max="3281" width="8.6640625" style="2" hidden="1"/>
    <col min="3282" max="3505" width="9" style="2" hidden="1"/>
    <col min="3506" max="3506" width="3.6640625" style="2" hidden="1"/>
    <col min="3507" max="3521" width="5.6640625" style="2" hidden="1"/>
    <col min="3522" max="3522" width="6.6640625" style="2" hidden="1"/>
    <col min="3523" max="3530" width="5.6640625" style="2" hidden="1"/>
    <col min="3531" max="3533" width="6.6640625" style="2" hidden="1"/>
    <col min="3534" max="3537" width="8.6640625" style="2" hidden="1"/>
    <col min="3538" max="3761" width="9" style="2" hidden="1"/>
    <col min="3762" max="3762" width="3.6640625" style="2" hidden="1"/>
    <col min="3763" max="3777" width="5.6640625" style="2" hidden="1"/>
    <col min="3778" max="3778" width="6.6640625" style="2" hidden="1"/>
    <col min="3779" max="3786" width="5.6640625" style="2" hidden="1"/>
    <col min="3787" max="3789" width="6.6640625" style="2" hidden="1"/>
    <col min="3790" max="3793" width="8.6640625" style="2" hidden="1"/>
    <col min="3794" max="4017" width="9" style="2" hidden="1"/>
    <col min="4018" max="4018" width="3.6640625" style="2" hidden="1"/>
    <col min="4019" max="4033" width="5.6640625" style="2" hidden="1"/>
    <col min="4034" max="4034" width="6.6640625" style="2" hidden="1"/>
    <col min="4035" max="4042" width="5.6640625" style="2" hidden="1"/>
    <col min="4043" max="4045" width="6.6640625" style="2" hidden="1"/>
    <col min="4046" max="4049" width="8.6640625" style="2" hidden="1"/>
    <col min="4050" max="4273" width="9" style="2" hidden="1"/>
    <col min="4274" max="4274" width="3.6640625" style="2" hidden="1"/>
    <col min="4275" max="4289" width="5.6640625" style="2" hidden="1"/>
    <col min="4290" max="4290" width="6.6640625" style="2" hidden="1"/>
    <col min="4291" max="4298" width="5.6640625" style="2" hidden="1"/>
    <col min="4299" max="4301" width="6.6640625" style="2" hidden="1"/>
    <col min="4302" max="4305" width="8.6640625" style="2" hidden="1"/>
    <col min="4306" max="4529" width="9" style="2" hidden="1"/>
    <col min="4530" max="4530" width="3.6640625" style="2" hidden="1"/>
    <col min="4531" max="4545" width="5.6640625" style="2" hidden="1"/>
    <col min="4546" max="4546" width="6.6640625" style="2" hidden="1"/>
    <col min="4547" max="4554" width="5.6640625" style="2" hidden="1"/>
    <col min="4555" max="4557" width="6.6640625" style="2" hidden="1"/>
    <col min="4558" max="4561" width="8.6640625" style="2" hidden="1"/>
    <col min="4562" max="4785" width="9" style="2" hidden="1"/>
    <col min="4786" max="4786" width="3.6640625" style="2" hidden="1"/>
    <col min="4787" max="4801" width="5.6640625" style="2" hidden="1"/>
    <col min="4802" max="4802" width="6.6640625" style="2" hidden="1"/>
    <col min="4803" max="4810" width="5.6640625" style="2" hidden="1"/>
    <col min="4811" max="4813" width="6.6640625" style="2" hidden="1"/>
    <col min="4814" max="4817" width="8.6640625" style="2" hidden="1"/>
    <col min="4818" max="5041" width="9" style="2" hidden="1"/>
    <col min="5042" max="5042" width="3.6640625" style="2" hidden="1"/>
    <col min="5043" max="5057" width="5.6640625" style="2" hidden="1"/>
    <col min="5058" max="5058" width="6.6640625" style="2" hidden="1"/>
    <col min="5059" max="5066" width="5.6640625" style="2" hidden="1"/>
    <col min="5067" max="5069" width="6.6640625" style="2" hidden="1"/>
    <col min="5070" max="5073" width="8.6640625" style="2" hidden="1"/>
    <col min="5074" max="5297" width="9" style="2" hidden="1"/>
    <col min="5298" max="5298" width="3.6640625" style="2" hidden="1"/>
    <col min="5299" max="5313" width="5.6640625" style="2" hidden="1"/>
    <col min="5314" max="5314" width="6.6640625" style="2" hidden="1"/>
    <col min="5315" max="5322" width="5.6640625" style="2" hidden="1"/>
    <col min="5323" max="5325" width="6.6640625" style="2" hidden="1"/>
    <col min="5326" max="5329" width="8.6640625" style="2" hidden="1"/>
    <col min="5330" max="5553" width="9" style="2" hidden="1"/>
    <col min="5554" max="5554" width="3.6640625" style="2" hidden="1"/>
    <col min="5555" max="5569" width="5.6640625" style="2" hidden="1"/>
    <col min="5570" max="5570" width="6.6640625" style="2" hidden="1"/>
    <col min="5571" max="5578" width="5.6640625" style="2" hidden="1"/>
    <col min="5579" max="5581" width="6.6640625" style="2" hidden="1"/>
    <col min="5582" max="5585" width="8.6640625" style="2" hidden="1"/>
    <col min="5586" max="5809" width="9" style="2" hidden="1"/>
    <col min="5810" max="5810" width="3.6640625" style="2" hidden="1"/>
    <col min="5811" max="5825" width="5.6640625" style="2" hidden="1"/>
    <col min="5826" max="5826" width="6.6640625" style="2" hidden="1"/>
    <col min="5827" max="5834" width="5.6640625" style="2" hidden="1"/>
    <col min="5835" max="5837" width="6.6640625" style="2" hidden="1"/>
    <col min="5838" max="5841" width="8.6640625" style="2" hidden="1"/>
    <col min="5842" max="6065" width="9" style="2" hidden="1"/>
    <col min="6066" max="6066" width="3.6640625" style="2" hidden="1"/>
    <col min="6067" max="6081" width="5.6640625" style="2" hidden="1"/>
    <col min="6082" max="6082" width="6.6640625" style="2" hidden="1"/>
    <col min="6083" max="6090" width="5.6640625" style="2" hidden="1"/>
    <col min="6091" max="6093" width="6.6640625" style="2" hidden="1"/>
    <col min="6094" max="6097" width="8.6640625" style="2" hidden="1"/>
    <col min="6098" max="6321" width="9" style="2" hidden="1"/>
    <col min="6322" max="6322" width="3.6640625" style="2" hidden="1"/>
    <col min="6323" max="6337" width="5.6640625" style="2" hidden="1"/>
    <col min="6338" max="6338" width="6.6640625" style="2" hidden="1"/>
    <col min="6339" max="6346" width="5.6640625" style="2" hidden="1"/>
    <col min="6347" max="6349" width="6.6640625" style="2" hidden="1"/>
    <col min="6350" max="6353" width="8.6640625" style="2" hidden="1"/>
    <col min="6354" max="6577" width="9" style="2" hidden="1"/>
    <col min="6578" max="6578" width="3.6640625" style="2" hidden="1"/>
    <col min="6579" max="6593" width="5.6640625" style="2" hidden="1"/>
    <col min="6594" max="6594" width="6.6640625" style="2" hidden="1"/>
    <col min="6595" max="6602" width="5.6640625" style="2" hidden="1"/>
    <col min="6603" max="6605" width="6.6640625" style="2" hidden="1"/>
    <col min="6606" max="6609" width="8.6640625" style="2" hidden="1"/>
    <col min="6610" max="6833" width="9" style="2" hidden="1"/>
    <col min="6834" max="6834" width="3.6640625" style="2" hidden="1"/>
    <col min="6835" max="6849" width="5.6640625" style="2" hidden="1"/>
    <col min="6850" max="6850" width="6.6640625" style="2" hidden="1"/>
    <col min="6851" max="6858" width="5.6640625" style="2" hidden="1"/>
    <col min="6859" max="6861" width="6.6640625" style="2" hidden="1"/>
    <col min="6862" max="6865" width="8.6640625" style="2" hidden="1"/>
    <col min="6866" max="7089" width="9" style="2" hidden="1"/>
    <col min="7090" max="7090" width="3.6640625" style="2" hidden="1"/>
    <col min="7091" max="7105" width="5.6640625" style="2" hidden="1"/>
    <col min="7106" max="7106" width="6.6640625" style="2" hidden="1"/>
    <col min="7107" max="7114" width="5.6640625" style="2" hidden="1"/>
    <col min="7115" max="7117" width="6.6640625" style="2" hidden="1"/>
    <col min="7118" max="7121" width="8.6640625" style="2" hidden="1"/>
    <col min="7122" max="7345" width="9" style="2" hidden="1"/>
    <col min="7346" max="7346" width="3.6640625" style="2" hidden="1"/>
    <col min="7347" max="7361" width="5.6640625" style="2" hidden="1"/>
    <col min="7362" max="7362" width="6.6640625" style="2" hidden="1"/>
    <col min="7363" max="7370" width="5.6640625" style="2" hidden="1"/>
    <col min="7371" max="7373" width="6.6640625" style="2" hidden="1"/>
    <col min="7374" max="7377" width="8.6640625" style="2" hidden="1"/>
    <col min="7378" max="7601" width="9" style="2" hidden="1"/>
    <col min="7602" max="7602" width="3.6640625" style="2" hidden="1"/>
    <col min="7603" max="7617" width="5.6640625" style="2" hidden="1"/>
    <col min="7618" max="7618" width="6.6640625" style="2" hidden="1"/>
    <col min="7619" max="7626" width="5.6640625" style="2" hidden="1"/>
    <col min="7627" max="7629" width="6.6640625" style="2" hidden="1"/>
    <col min="7630" max="7633" width="8.6640625" style="2" hidden="1"/>
    <col min="7634" max="7857" width="9" style="2" hidden="1"/>
    <col min="7858" max="7858" width="3.6640625" style="2" hidden="1"/>
    <col min="7859" max="7873" width="5.6640625" style="2" hidden="1"/>
    <col min="7874" max="7874" width="6.6640625" style="2" hidden="1"/>
    <col min="7875" max="7882" width="5.6640625" style="2" hidden="1"/>
    <col min="7883" max="7885" width="6.6640625" style="2" hidden="1"/>
    <col min="7886" max="7889" width="8.6640625" style="2" hidden="1"/>
    <col min="7890" max="8113" width="9" style="2" hidden="1"/>
    <col min="8114" max="8114" width="3.6640625" style="2" hidden="1"/>
    <col min="8115" max="8129" width="5.6640625" style="2" hidden="1"/>
    <col min="8130" max="8130" width="6.6640625" style="2" hidden="1"/>
    <col min="8131" max="8138" width="5.6640625" style="2" hidden="1"/>
    <col min="8139" max="8141" width="6.6640625" style="2" hidden="1"/>
    <col min="8142" max="8145" width="8.6640625" style="2" hidden="1"/>
    <col min="8146" max="8369" width="9" style="2" hidden="1"/>
    <col min="8370" max="8370" width="3.6640625" style="2" hidden="1"/>
    <col min="8371" max="8385" width="5.6640625" style="2" hidden="1"/>
    <col min="8386" max="8386" width="6.6640625" style="2" hidden="1"/>
    <col min="8387" max="8394" width="5.6640625" style="2" hidden="1"/>
    <col min="8395" max="8397" width="6.6640625" style="2" hidden="1"/>
    <col min="8398" max="8401" width="8.6640625" style="2" hidden="1"/>
    <col min="8402" max="8625" width="9" style="2" hidden="1"/>
    <col min="8626" max="8626" width="3.6640625" style="2" hidden="1"/>
    <col min="8627" max="8641" width="5.6640625" style="2" hidden="1"/>
    <col min="8642" max="8642" width="6.6640625" style="2" hidden="1"/>
    <col min="8643" max="8650" width="5.6640625" style="2" hidden="1"/>
    <col min="8651" max="8653" width="6.6640625" style="2" hidden="1"/>
    <col min="8654" max="8657" width="8.6640625" style="2" hidden="1"/>
    <col min="8658" max="8881" width="9" style="2" hidden="1"/>
    <col min="8882" max="8882" width="3.6640625" style="2" hidden="1"/>
    <col min="8883" max="8897" width="5.6640625" style="2" hidden="1"/>
    <col min="8898" max="8898" width="6.6640625" style="2" hidden="1"/>
    <col min="8899" max="8906" width="5.6640625" style="2" hidden="1"/>
    <col min="8907" max="8909" width="6.6640625" style="2" hidden="1"/>
    <col min="8910" max="8913" width="8.6640625" style="2" hidden="1"/>
    <col min="8914" max="9137" width="9" style="2" hidden="1"/>
    <col min="9138" max="9138" width="3.6640625" style="2" hidden="1"/>
    <col min="9139" max="9153" width="5.6640625" style="2" hidden="1"/>
    <col min="9154" max="9154" width="6.6640625" style="2" hidden="1"/>
    <col min="9155" max="9162" width="5.6640625" style="2" hidden="1"/>
    <col min="9163" max="9165" width="6.6640625" style="2" hidden="1"/>
    <col min="9166" max="9169" width="8.6640625" style="2" hidden="1"/>
    <col min="9170" max="9393" width="9" style="2" hidden="1"/>
    <col min="9394" max="9394" width="3.6640625" style="2" hidden="1"/>
    <col min="9395" max="9409" width="5.6640625" style="2" hidden="1"/>
    <col min="9410" max="9410" width="6.6640625" style="2" hidden="1"/>
    <col min="9411" max="9418" width="5.6640625" style="2" hidden="1"/>
    <col min="9419" max="9421" width="6.6640625" style="2" hidden="1"/>
    <col min="9422" max="9425" width="8.6640625" style="2" hidden="1"/>
    <col min="9426" max="9649" width="9" style="2" hidden="1"/>
    <col min="9650" max="9650" width="3.6640625" style="2" hidden="1"/>
    <col min="9651" max="9665" width="5.6640625" style="2" hidden="1"/>
    <col min="9666" max="9666" width="6.6640625" style="2" hidden="1"/>
    <col min="9667" max="9674" width="5.6640625" style="2" hidden="1"/>
    <col min="9675" max="9677" width="6.6640625" style="2" hidden="1"/>
    <col min="9678" max="9681" width="8.6640625" style="2" hidden="1"/>
    <col min="9682" max="9905" width="9" style="2" hidden="1"/>
    <col min="9906" max="9906" width="3.6640625" style="2" hidden="1"/>
    <col min="9907" max="9921" width="5.6640625" style="2" hidden="1"/>
    <col min="9922" max="9922" width="6.6640625" style="2" hidden="1"/>
    <col min="9923" max="9930" width="5.6640625" style="2" hidden="1"/>
    <col min="9931" max="9933" width="6.6640625" style="2" hidden="1"/>
    <col min="9934" max="9937" width="8.6640625" style="2" hidden="1"/>
    <col min="9938" max="10161" width="9" style="2" hidden="1"/>
    <col min="10162" max="10162" width="3.6640625" style="2" hidden="1"/>
    <col min="10163" max="10177" width="5.6640625" style="2" hidden="1"/>
    <col min="10178" max="10178" width="6.6640625" style="2" hidden="1"/>
    <col min="10179" max="10186" width="5.6640625" style="2" hidden="1"/>
    <col min="10187" max="10189" width="6.6640625" style="2" hidden="1"/>
    <col min="10190" max="10193" width="8.6640625" style="2" hidden="1"/>
    <col min="10194" max="10417" width="9" style="2" hidden="1"/>
    <col min="10418" max="10418" width="3.6640625" style="2" hidden="1"/>
    <col min="10419" max="10433" width="5.6640625" style="2" hidden="1"/>
    <col min="10434" max="10434" width="6.6640625" style="2" hidden="1"/>
    <col min="10435" max="10442" width="5.6640625" style="2" hidden="1"/>
    <col min="10443" max="10445" width="6.6640625" style="2" hidden="1"/>
    <col min="10446" max="10449" width="8.6640625" style="2" hidden="1"/>
    <col min="10450" max="10673" width="9" style="2" hidden="1"/>
    <col min="10674" max="10674" width="3.6640625" style="2" hidden="1"/>
    <col min="10675" max="10689" width="5.6640625" style="2" hidden="1"/>
    <col min="10690" max="10690" width="6.6640625" style="2" hidden="1"/>
    <col min="10691" max="10698" width="5.6640625" style="2" hidden="1"/>
    <col min="10699" max="10701" width="6.6640625" style="2" hidden="1"/>
    <col min="10702" max="10705" width="8.6640625" style="2" hidden="1"/>
    <col min="10706" max="10929" width="9" style="2" hidden="1"/>
    <col min="10930" max="10930" width="3.6640625" style="2" hidden="1"/>
    <col min="10931" max="10945" width="5.6640625" style="2" hidden="1"/>
    <col min="10946" max="10946" width="6.6640625" style="2" hidden="1"/>
    <col min="10947" max="10954" width="5.6640625" style="2" hidden="1"/>
    <col min="10955" max="10957" width="6.6640625" style="2" hidden="1"/>
    <col min="10958" max="10961" width="8.6640625" style="2" hidden="1"/>
    <col min="10962" max="11185" width="9" style="2" hidden="1"/>
    <col min="11186" max="11186" width="3.6640625" style="2" hidden="1"/>
    <col min="11187" max="11201" width="5.6640625" style="2" hidden="1"/>
    <col min="11202" max="11202" width="6.6640625" style="2" hidden="1"/>
    <col min="11203" max="11210" width="5.6640625" style="2" hidden="1"/>
    <col min="11211" max="11213" width="6.6640625" style="2" hidden="1"/>
    <col min="11214" max="11217" width="8.6640625" style="2" hidden="1"/>
    <col min="11218" max="11441" width="9" style="2" hidden="1"/>
    <col min="11442" max="11442" width="3.6640625" style="2" hidden="1"/>
    <col min="11443" max="11457" width="5.6640625" style="2" hidden="1"/>
    <col min="11458" max="11458" width="6.6640625" style="2" hidden="1"/>
    <col min="11459" max="11466" width="5.6640625" style="2" hidden="1"/>
    <col min="11467" max="11469" width="6.6640625" style="2" hidden="1"/>
    <col min="11470" max="11473" width="8.6640625" style="2" hidden="1"/>
    <col min="11474" max="11697" width="9" style="2" hidden="1"/>
    <col min="11698" max="11698" width="3.6640625" style="2" hidden="1"/>
    <col min="11699" max="11713" width="5.6640625" style="2" hidden="1"/>
    <col min="11714" max="11714" width="6.6640625" style="2" hidden="1"/>
    <col min="11715" max="11722" width="5.6640625" style="2" hidden="1"/>
    <col min="11723" max="11725" width="6.6640625" style="2" hidden="1"/>
    <col min="11726" max="11729" width="8.6640625" style="2" hidden="1"/>
    <col min="11730" max="11953" width="9" style="2" hidden="1"/>
    <col min="11954" max="11954" width="3.6640625" style="2" hidden="1"/>
    <col min="11955" max="11969" width="5.6640625" style="2" hidden="1"/>
    <col min="11970" max="11970" width="6.6640625" style="2" hidden="1"/>
    <col min="11971" max="11978" width="5.6640625" style="2" hidden="1"/>
    <col min="11979" max="11981" width="6.6640625" style="2" hidden="1"/>
    <col min="11982" max="11985" width="8.6640625" style="2" hidden="1"/>
    <col min="11986" max="12209" width="9" style="2" hidden="1"/>
    <col min="12210" max="12210" width="3.6640625" style="2" hidden="1"/>
    <col min="12211" max="12225" width="5.6640625" style="2" hidden="1"/>
    <col min="12226" max="12226" width="6.6640625" style="2" hidden="1"/>
    <col min="12227" max="12234" width="5.6640625" style="2" hidden="1"/>
    <col min="12235" max="12237" width="6.6640625" style="2" hidden="1"/>
    <col min="12238" max="12241" width="8.6640625" style="2" hidden="1"/>
    <col min="12242" max="12465" width="9" style="2" hidden="1"/>
    <col min="12466" max="12466" width="3.6640625" style="2" hidden="1"/>
    <col min="12467" max="12481" width="5.6640625" style="2" hidden="1"/>
    <col min="12482" max="12482" width="6.6640625" style="2" hidden="1"/>
    <col min="12483" max="12490" width="5.6640625" style="2" hidden="1"/>
    <col min="12491" max="12493" width="6.6640625" style="2" hidden="1"/>
    <col min="12494" max="12497" width="8.6640625" style="2" hidden="1"/>
    <col min="12498" max="12721" width="9" style="2" hidden="1"/>
    <col min="12722" max="12722" width="3.6640625" style="2" hidden="1"/>
    <col min="12723" max="12737" width="5.6640625" style="2" hidden="1"/>
    <col min="12738" max="12738" width="6.6640625" style="2" hidden="1"/>
    <col min="12739" max="12746" width="5.6640625" style="2" hidden="1"/>
    <col min="12747" max="12749" width="6.6640625" style="2" hidden="1"/>
    <col min="12750" max="12753" width="8.6640625" style="2" hidden="1"/>
    <col min="12754" max="12977" width="9" style="2" hidden="1"/>
    <col min="12978" max="12978" width="3.6640625" style="2" hidden="1"/>
    <col min="12979" max="12993" width="5.6640625" style="2" hidden="1"/>
    <col min="12994" max="12994" width="6.6640625" style="2" hidden="1"/>
    <col min="12995" max="13002" width="5.6640625" style="2" hidden="1"/>
    <col min="13003" max="13005" width="6.6640625" style="2" hidden="1"/>
    <col min="13006" max="13009" width="8.6640625" style="2" hidden="1"/>
    <col min="13010" max="13233" width="9" style="2" hidden="1"/>
    <col min="13234" max="13234" width="3.6640625" style="2" hidden="1"/>
    <col min="13235" max="13249" width="5.6640625" style="2" hidden="1"/>
    <col min="13250" max="13250" width="6.6640625" style="2" hidden="1"/>
    <col min="13251" max="13258" width="5.6640625" style="2" hidden="1"/>
    <col min="13259" max="13261" width="6.6640625" style="2" hidden="1"/>
    <col min="13262" max="13265" width="8.6640625" style="2" hidden="1"/>
    <col min="13266" max="13489" width="9" style="2" hidden="1"/>
    <col min="13490" max="13490" width="3.6640625" style="2" hidden="1"/>
    <col min="13491" max="13505" width="5.6640625" style="2" hidden="1"/>
    <col min="13506" max="13506" width="6.6640625" style="2" hidden="1"/>
    <col min="13507" max="13514" width="5.6640625" style="2" hidden="1"/>
    <col min="13515" max="13517" width="6.6640625" style="2" hidden="1"/>
    <col min="13518" max="13521" width="8.6640625" style="2" hidden="1"/>
    <col min="13522" max="13745" width="9" style="2" hidden="1"/>
    <col min="13746" max="13746" width="3.6640625" style="2" hidden="1"/>
    <col min="13747" max="13761" width="5.6640625" style="2" hidden="1"/>
    <col min="13762" max="13762" width="6.6640625" style="2" hidden="1"/>
    <col min="13763" max="13770" width="5.6640625" style="2" hidden="1"/>
    <col min="13771" max="13773" width="6.6640625" style="2" hidden="1"/>
    <col min="13774" max="13777" width="8.6640625" style="2" hidden="1"/>
    <col min="13778" max="14001" width="9" style="2" hidden="1"/>
    <col min="14002" max="14002" width="3.6640625" style="2" hidden="1"/>
    <col min="14003" max="14017" width="5.6640625" style="2" hidden="1"/>
    <col min="14018" max="14018" width="6.6640625" style="2" hidden="1"/>
    <col min="14019" max="14026" width="5.6640625" style="2" hidden="1"/>
    <col min="14027" max="14029" width="6.6640625" style="2" hidden="1"/>
    <col min="14030" max="14033" width="8.6640625" style="2" hidden="1"/>
    <col min="14034" max="14257" width="9" style="2" hidden="1"/>
    <col min="14258" max="14258" width="3.6640625" style="2" hidden="1"/>
    <col min="14259" max="14273" width="5.6640625" style="2" hidden="1"/>
    <col min="14274" max="14274" width="6.6640625" style="2" hidden="1"/>
    <col min="14275" max="14282" width="5.6640625" style="2" hidden="1"/>
    <col min="14283" max="14285" width="6.6640625" style="2" hidden="1"/>
    <col min="14286" max="14289" width="8.6640625" style="2" hidden="1"/>
    <col min="14290" max="14513" width="9" style="2" hidden="1"/>
    <col min="14514" max="14514" width="3.6640625" style="2" hidden="1"/>
    <col min="14515" max="14529" width="5.6640625" style="2" hidden="1"/>
    <col min="14530" max="14530" width="6.6640625" style="2" hidden="1"/>
    <col min="14531" max="14538" width="5.6640625" style="2" hidden="1"/>
    <col min="14539" max="14541" width="6.6640625" style="2" hidden="1"/>
    <col min="14542" max="14545" width="8.6640625" style="2" hidden="1"/>
    <col min="14546" max="14769" width="9" style="2" hidden="1"/>
    <col min="14770" max="14770" width="3.6640625" style="2" hidden="1"/>
    <col min="14771" max="14785" width="5.6640625" style="2" hidden="1"/>
    <col min="14786" max="14786" width="6.6640625" style="2" hidden="1"/>
    <col min="14787" max="14794" width="5.6640625" style="2" hidden="1"/>
    <col min="14795" max="14797" width="6.6640625" style="2" hidden="1"/>
    <col min="14798" max="14801" width="8.6640625" style="2" hidden="1"/>
    <col min="14802" max="15025" width="9" style="2" hidden="1"/>
    <col min="15026" max="15026" width="3.6640625" style="2" hidden="1"/>
    <col min="15027" max="15041" width="5.6640625" style="2" hidden="1"/>
    <col min="15042" max="15042" width="6.6640625" style="2" hidden="1"/>
    <col min="15043" max="15050" width="5.6640625" style="2" hidden="1"/>
    <col min="15051" max="15053" width="6.6640625" style="2" hidden="1"/>
    <col min="15054" max="15057" width="8.6640625" style="2" hidden="1"/>
    <col min="15058" max="15281" width="9" style="2" hidden="1"/>
    <col min="15282" max="15282" width="3.6640625" style="2" hidden="1"/>
    <col min="15283" max="15297" width="5.6640625" style="2" hidden="1"/>
    <col min="15298" max="15298" width="6.6640625" style="2" hidden="1"/>
    <col min="15299" max="15306" width="5.6640625" style="2" hidden="1"/>
    <col min="15307" max="15309" width="6.6640625" style="2" hidden="1"/>
    <col min="15310" max="15313" width="8.6640625" style="2" hidden="1"/>
    <col min="15314" max="15537" width="9" style="2" hidden="1"/>
    <col min="15538" max="15538" width="3.6640625" style="2" hidden="1"/>
    <col min="15539" max="15553" width="5.6640625" style="2" hidden="1"/>
    <col min="15554" max="15554" width="6.6640625" style="2" hidden="1"/>
    <col min="15555" max="15562" width="5.6640625" style="2" hidden="1"/>
    <col min="15563" max="15565" width="6.6640625" style="2" hidden="1"/>
    <col min="15566" max="15569" width="8.6640625" style="2" hidden="1"/>
    <col min="15570" max="15793" width="9" style="2" hidden="1"/>
    <col min="15794" max="15794" width="3.6640625" style="2" hidden="1"/>
    <col min="15795" max="15809" width="5.6640625" style="2" hidden="1"/>
    <col min="15810" max="15810" width="6.6640625" style="2" hidden="1"/>
    <col min="15811" max="15818" width="5.6640625" style="2" hidden="1"/>
    <col min="15819" max="15821" width="6.6640625" style="2" hidden="1"/>
    <col min="15822" max="15825" width="8.6640625" style="2" hidden="1"/>
    <col min="15826" max="16049" width="9" style="2" hidden="1"/>
    <col min="16050" max="16050" width="3.6640625" style="2" hidden="1"/>
    <col min="16051" max="16065" width="5.6640625" style="2" hidden="1"/>
    <col min="16066" max="16066" width="6.6640625" style="2" hidden="1"/>
    <col min="16067" max="16074" width="5.6640625" style="2" hidden="1"/>
    <col min="16075" max="16077" width="6.6640625" style="2" hidden="1"/>
    <col min="16078" max="16081" width="8.6640625" style="2" hidden="1"/>
    <col min="16082" max="16384" width="9" style="2" hidden="1"/>
  </cols>
  <sheetData>
    <row r="1" spans="1:32" ht="41.25" customHeight="1">
      <c r="L1" s="3"/>
      <c r="M1" s="65" t="s">
        <v>0</v>
      </c>
      <c r="N1" s="66"/>
      <c r="O1" s="66"/>
      <c r="P1" s="66"/>
      <c r="Q1" s="66"/>
      <c r="R1" s="66"/>
      <c r="S1" s="66"/>
      <c r="T1" s="66"/>
      <c r="U1" s="66"/>
      <c r="V1" s="66"/>
      <c r="W1" s="67"/>
    </row>
    <row r="2" spans="1:32" ht="24.75" customHeight="1">
      <c r="L2" s="3"/>
      <c r="M2" s="4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>
      <c r="K3" s="68" t="s">
        <v>1</v>
      </c>
      <c r="L3" s="69"/>
      <c r="M3" s="69"/>
      <c r="N3" s="69"/>
      <c r="O3" s="69"/>
      <c r="P3" s="68" t="s">
        <v>2</v>
      </c>
      <c r="Q3" s="69"/>
      <c r="R3" s="69"/>
      <c r="S3" s="69"/>
      <c r="T3" s="69"/>
      <c r="U3" s="5">
        <v>7</v>
      </c>
      <c r="V3" s="6" t="s">
        <v>3</v>
      </c>
      <c r="W3" s="6"/>
    </row>
    <row r="4" spans="1:32" ht="24.9" customHeight="1"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</row>
    <row r="5" spans="1:32" ht="24.9" customHeight="1">
      <c r="L5" s="6"/>
      <c r="M5" s="52" t="s">
        <v>4</v>
      </c>
      <c r="N5" s="52"/>
      <c r="O5" s="52"/>
      <c r="P5" s="6"/>
      <c r="Q5" s="6"/>
      <c r="R5" s="51">
        <v>178027</v>
      </c>
      <c r="S5" s="51"/>
      <c r="T5" s="51"/>
      <c r="U5" s="7"/>
      <c r="V5" s="8" t="s">
        <v>4</v>
      </c>
      <c r="W5" s="6"/>
    </row>
    <row r="6" spans="1:32" ht="24.9" customHeight="1">
      <c r="L6" s="6"/>
      <c r="M6" s="52" t="s">
        <v>5</v>
      </c>
      <c r="N6" s="52"/>
      <c r="O6" s="52"/>
      <c r="P6" s="6"/>
      <c r="Q6" s="6"/>
      <c r="R6" s="51">
        <v>417594</v>
      </c>
      <c r="S6" s="51"/>
      <c r="T6" s="51"/>
      <c r="U6" s="9"/>
      <c r="V6" s="8" t="s">
        <v>6</v>
      </c>
      <c r="W6" s="6"/>
    </row>
    <row r="7" spans="1:32" ht="24.9" customHeight="1">
      <c r="L7" s="6"/>
      <c r="M7" s="6"/>
      <c r="N7" s="8" t="s">
        <v>7</v>
      </c>
      <c r="O7" s="6"/>
      <c r="P7" s="6"/>
      <c r="Q7" s="6"/>
      <c r="R7" s="51">
        <v>203559</v>
      </c>
      <c r="S7" s="51"/>
      <c r="T7" s="51"/>
      <c r="U7" s="9"/>
      <c r="V7" s="8" t="s">
        <v>6</v>
      </c>
      <c r="W7" s="6"/>
    </row>
    <row r="8" spans="1:32" ht="24.9" customHeight="1">
      <c r="L8" s="6"/>
      <c r="M8" s="6"/>
      <c r="N8" s="8" t="s">
        <v>8</v>
      </c>
      <c r="O8" s="6"/>
      <c r="P8" s="6"/>
      <c r="Q8" s="6"/>
      <c r="R8" s="51">
        <v>214035</v>
      </c>
      <c r="S8" s="51"/>
      <c r="T8" s="51"/>
      <c r="U8" s="9"/>
      <c r="V8" s="8" t="s">
        <v>6</v>
      </c>
      <c r="W8" s="6"/>
    </row>
    <row r="9" spans="1:32" ht="14.25" customHeight="1">
      <c r="L9" s="6"/>
      <c r="M9" s="6"/>
      <c r="N9" s="6"/>
      <c r="O9" s="6"/>
      <c r="P9" s="6"/>
      <c r="Q9" s="6"/>
      <c r="R9" s="6"/>
      <c r="S9" s="6"/>
      <c r="T9" s="6"/>
      <c r="U9" s="6"/>
      <c r="V9" s="8"/>
      <c r="W9" s="6"/>
    </row>
    <row r="10" spans="1:32" ht="24.9" customHeight="1">
      <c r="L10" s="6"/>
      <c r="M10" s="52" t="s">
        <v>9</v>
      </c>
      <c r="N10" s="52"/>
      <c r="O10" s="52"/>
      <c r="P10" s="6"/>
      <c r="Q10" s="6"/>
      <c r="R10" s="53">
        <v>1241.77</v>
      </c>
      <c r="S10" s="53"/>
      <c r="T10" s="53"/>
      <c r="U10" s="6"/>
      <c r="V10" s="8" t="s">
        <v>10</v>
      </c>
      <c r="W10" s="6"/>
    </row>
    <row r="11" spans="1:32" ht="24.9" customHeight="1">
      <c r="L11" s="6"/>
      <c r="M11" s="6"/>
      <c r="N11" s="6"/>
      <c r="O11" s="6"/>
      <c r="P11" s="6"/>
      <c r="Q11" s="6"/>
      <c r="R11" s="6"/>
      <c r="S11" s="6"/>
      <c r="T11" s="6"/>
      <c r="U11" s="6"/>
      <c r="V11" s="6"/>
      <c r="W11" s="6"/>
    </row>
    <row r="12" spans="1:32" ht="24.9" customHeight="1">
      <c r="K12" s="54" t="s">
        <v>11</v>
      </c>
      <c r="L12" s="55"/>
      <c r="M12" s="55"/>
      <c r="N12" s="55"/>
      <c r="O12" s="55"/>
      <c r="P12" s="55"/>
      <c r="Q12" s="55"/>
      <c r="R12" s="55"/>
      <c r="S12" s="55"/>
      <c r="T12" s="55"/>
      <c r="U12" s="55"/>
      <c r="V12" s="55"/>
      <c r="W12" s="55"/>
      <c r="X12" s="55"/>
    </row>
    <row r="13" spans="1:32" ht="24.9" customHeight="1"/>
    <row r="14" spans="1:32" ht="20.100000000000001" customHeight="1">
      <c r="A14" s="56"/>
      <c r="B14" s="58" t="s">
        <v>12</v>
      </c>
      <c r="C14" s="59"/>
      <c r="D14" s="59"/>
      <c r="E14" s="59"/>
      <c r="F14" s="59"/>
      <c r="G14" s="59"/>
      <c r="H14" s="60"/>
      <c r="I14" s="58" t="s">
        <v>13</v>
      </c>
      <c r="J14" s="59"/>
      <c r="K14" s="59"/>
      <c r="L14" s="59"/>
      <c r="M14" s="59"/>
      <c r="N14" s="59"/>
      <c r="O14" s="59"/>
      <c r="P14" s="59"/>
      <c r="Q14" s="59"/>
      <c r="R14" s="59"/>
      <c r="S14" s="59"/>
      <c r="T14" s="59"/>
      <c r="U14" s="59"/>
      <c r="V14" s="59"/>
      <c r="W14" s="59"/>
      <c r="X14" s="59"/>
      <c r="Y14" s="59"/>
      <c r="Z14" s="59"/>
      <c r="AA14" s="60"/>
      <c r="AB14" s="10"/>
      <c r="AC14" s="11"/>
      <c r="AD14" s="11"/>
      <c r="AE14" s="11"/>
      <c r="AF14" s="12"/>
    </row>
    <row r="15" spans="1:32" ht="20.100000000000001" customHeight="1">
      <c r="A15" s="57"/>
      <c r="B15" s="61" t="s">
        <v>14</v>
      </c>
      <c r="C15" s="62"/>
      <c r="D15" s="63"/>
      <c r="E15" s="61" t="s">
        <v>15</v>
      </c>
      <c r="F15" s="62"/>
      <c r="G15" s="63"/>
      <c r="H15" s="39" t="s">
        <v>16</v>
      </c>
      <c r="I15" s="41" t="s">
        <v>17</v>
      </c>
      <c r="J15" s="42"/>
      <c r="K15" s="42"/>
      <c r="L15" s="42"/>
      <c r="M15" s="42"/>
      <c r="N15" s="42"/>
      <c r="O15" s="42"/>
      <c r="P15" s="42"/>
      <c r="Q15" s="43"/>
      <c r="R15" s="41" t="s">
        <v>18</v>
      </c>
      <c r="S15" s="42"/>
      <c r="T15" s="42"/>
      <c r="U15" s="42"/>
      <c r="V15" s="42"/>
      <c r="W15" s="42"/>
      <c r="X15" s="42"/>
      <c r="Y15" s="42"/>
      <c r="Z15" s="43"/>
      <c r="AA15" s="39" t="s">
        <v>16</v>
      </c>
      <c r="AB15" s="44" t="s">
        <v>16</v>
      </c>
      <c r="AC15" s="45" t="s">
        <v>19</v>
      </c>
      <c r="AD15" s="46"/>
      <c r="AE15" s="46"/>
      <c r="AF15" s="47"/>
    </row>
    <row r="16" spans="1:32" ht="20.100000000000001" customHeight="1">
      <c r="A16" s="57"/>
      <c r="B16" s="48"/>
      <c r="C16" s="49"/>
      <c r="D16" s="64"/>
      <c r="E16" s="48"/>
      <c r="F16" s="49"/>
      <c r="G16" s="64"/>
      <c r="H16" s="40"/>
      <c r="I16" s="41" t="s">
        <v>20</v>
      </c>
      <c r="J16" s="42"/>
      <c r="K16" s="42"/>
      <c r="L16" s="43"/>
      <c r="M16" s="41" t="s">
        <v>21</v>
      </c>
      <c r="N16" s="42"/>
      <c r="O16" s="42"/>
      <c r="P16" s="43"/>
      <c r="Q16" s="13" t="s">
        <v>22</v>
      </c>
      <c r="R16" s="41" t="s">
        <v>20</v>
      </c>
      <c r="S16" s="42"/>
      <c r="T16" s="42"/>
      <c r="U16" s="43"/>
      <c r="V16" s="41" t="s">
        <v>21</v>
      </c>
      <c r="W16" s="42"/>
      <c r="X16" s="42"/>
      <c r="Y16" s="43"/>
      <c r="Z16" s="13" t="s">
        <v>22</v>
      </c>
      <c r="AA16" s="44"/>
      <c r="AB16" s="44"/>
      <c r="AC16" s="48"/>
      <c r="AD16" s="49"/>
      <c r="AE16" s="49"/>
      <c r="AF16" s="50"/>
    </row>
    <row r="17" spans="1:32" ht="20.100000000000001" customHeight="1">
      <c r="A17" s="14" t="s">
        <v>23</v>
      </c>
      <c r="B17" s="15" t="s">
        <v>7</v>
      </c>
      <c r="C17" s="16" t="s">
        <v>8</v>
      </c>
      <c r="D17" s="16" t="s">
        <v>24</v>
      </c>
      <c r="E17" s="16" t="s">
        <v>7</v>
      </c>
      <c r="F17" s="16" t="s">
        <v>8</v>
      </c>
      <c r="G17" s="16" t="s">
        <v>24</v>
      </c>
      <c r="H17" s="15" t="s">
        <v>25</v>
      </c>
      <c r="I17" s="16" t="s">
        <v>4</v>
      </c>
      <c r="J17" s="16" t="s">
        <v>26</v>
      </c>
      <c r="K17" s="16" t="s">
        <v>8</v>
      </c>
      <c r="L17" s="16" t="s">
        <v>24</v>
      </c>
      <c r="M17" s="16" t="s">
        <v>4</v>
      </c>
      <c r="N17" s="16" t="s">
        <v>7</v>
      </c>
      <c r="O17" s="16" t="s">
        <v>8</v>
      </c>
      <c r="P17" s="16" t="s">
        <v>24</v>
      </c>
      <c r="Q17" s="15" t="s">
        <v>24</v>
      </c>
      <c r="R17" s="16" t="s">
        <v>4</v>
      </c>
      <c r="S17" s="16" t="s">
        <v>7</v>
      </c>
      <c r="T17" s="16" t="s">
        <v>8</v>
      </c>
      <c r="U17" s="16" t="s">
        <v>24</v>
      </c>
      <c r="V17" s="16" t="s">
        <v>4</v>
      </c>
      <c r="W17" s="16" t="s">
        <v>7</v>
      </c>
      <c r="X17" s="16" t="s">
        <v>8</v>
      </c>
      <c r="Y17" s="16" t="s">
        <v>24</v>
      </c>
      <c r="Z17" s="15" t="s">
        <v>24</v>
      </c>
      <c r="AA17" s="15" t="s">
        <v>27</v>
      </c>
      <c r="AB17" s="15" t="s">
        <v>28</v>
      </c>
      <c r="AC17" s="15" t="s">
        <v>4</v>
      </c>
      <c r="AD17" s="16" t="s">
        <v>7</v>
      </c>
      <c r="AE17" s="16" t="s">
        <v>8</v>
      </c>
      <c r="AF17" s="17" t="s">
        <v>24</v>
      </c>
    </row>
    <row r="18" spans="1:32" ht="20.100000000000001" customHeight="1">
      <c r="A18" s="18">
        <v>1</v>
      </c>
      <c r="B18" s="19">
        <v>129</v>
      </c>
      <c r="C18" s="19">
        <v>126</v>
      </c>
      <c r="D18" s="20">
        <v>255</v>
      </c>
      <c r="E18" s="19">
        <v>245</v>
      </c>
      <c r="F18" s="19">
        <v>235</v>
      </c>
      <c r="G18" s="20">
        <v>480</v>
      </c>
      <c r="H18" s="20">
        <v>-225</v>
      </c>
      <c r="I18" s="19">
        <v>273</v>
      </c>
      <c r="J18" s="19">
        <v>82</v>
      </c>
      <c r="K18" s="19">
        <v>100</v>
      </c>
      <c r="L18" s="20">
        <v>182</v>
      </c>
      <c r="M18" s="19">
        <v>467</v>
      </c>
      <c r="N18" s="19">
        <v>416</v>
      </c>
      <c r="O18" s="19">
        <v>245</v>
      </c>
      <c r="P18" s="20">
        <v>661</v>
      </c>
      <c r="Q18" s="20">
        <v>843</v>
      </c>
      <c r="R18" s="19">
        <v>379</v>
      </c>
      <c r="S18" s="19">
        <v>139</v>
      </c>
      <c r="T18" s="19">
        <v>108</v>
      </c>
      <c r="U18" s="20">
        <v>247</v>
      </c>
      <c r="V18" s="19">
        <v>199</v>
      </c>
      <c r="W18" s="19">
        <v>228</v>
      </c>
      <c r="X18" s="19">
        <v>188</v>
      </c>
      <c r="Y18" s="20">
        <v>416</v>
      </c>
      <c r="Z18" s="20">
        <v>663</v>
      </c>
      <c r="AA18" s="20">
        <v>180</v>
      </c>
      <c r="AB18" s="20">
        <v>-45</v>
      </c>
      <c r="AC18" s="21">
        <v>176565</v>
      </c>
      <c r="AD18" s="21">
        <v>203464</v>
      </c>
      <c r="AE18" s="21">
        <v>214536</v>
      </c>
      <c r="AF18" s="22">
        <v>418000</v>
      </c>
    </row>
    <row r="19" spans="1:32" ht="20.100000000000001" customHeight="1">
      <c r="A19" s="23">
        <v>2</v>
      </c>
      <c r="B19" s="24">
        <v>137</v>
      </c>
      <c r="C19" s="24">
        <v>131</v>
      </c>
      <c r="D19" s="25">
        <v>268</v>
      </c>
      <c r="E19" s="24">
        <v>251</v>
      </c>
      <c r="F19" s="24">
        <v>223</v>
      </c>
      <c r="G19" s="25">
        <v>474</v>
      </c>
      <c r="H19" s="25">
        <v>-206</v>
      </c>
      <c r="I19" s="24">
        <v>325</v>
      </c>
      <c r="J19" s="24">
        <v>105</v>
      </c>
      <c r="K19" s="24">
        <v>118</v>
      </c>
      <c r="L19" s="25">
        <v>223</v>
      </c>
      <c r="M19" s="24">
        <v>419</v>
      </c>
      <c r="N19" s="24">
        <v>388</v>
      </c>
      <c r="O19" s="24">
        <v>214</v>
      </c>
      <c r="P19" s="25">
        <v>602</v>
      </c>
      <c r="Q19" s="25">
        <v>825</v>
      </c>
      <c r="R19" s="24">
        <v>403</v>
      </c>
      <c r="S19" s="24">
        <v>137</v>
      </c>
      <c r="T19" s="24">
        <v>112</v>
      </c>
      <c r="U19" s="25">
        <v>249</v>
      </c>
      <c r="V19" s="24">
        <v>263</v>
      </c>
      <c r="W19" s="24">
        <v>279</v>
      </c>
      <c r="X19" s="24">
        <v>213</v>
      </c>
      <c r="Y19" s="25">
        <v>492</v>
      </c>
      <c r="Z19" s="25">
        <v>741</v>
      </c>
      <c r="AA19" s="25">
        <v>84</v>
      </c>
      <c r="AB19" s="25">
        <v>-122</v>
      </c>
      <c r="AC19" s="26">
        <v>176643</v>
      </c>
      <c r="AD19" s="26">
        <v>203427</v>
      </c>
      <c r="AE19" s="26">
        <v>214451</v>
      </c>
      <c r="AF19" s="27">
        <v>417878</v>
      </c>
    </row>
    <row r="20" spans="1:32" ht="20.100000000000001" customHeight="1">
      <c r="A20" s="23">
        <v>3</v>
      </c>
      <c r="B20" s="24">
        <v>135</v>
      </c>
      <c r="C20" s="24">
        <v>118</v>
      </c>
      <c r="D20" s="25">
        <v>253</v>
      </c>
      <c r="E20" s="24">
        <v>202</v>
      </c>
      <c r="F20" s="24">
        <v>197</v>
      </c>
      <c r="G20" s="25">
        <v>399</v>
      </c>
      <c r="H20" s="25">
        <v>-146</v>
      </c>
      <c r="I20" s="24">
        <v>586</v>
      </c>
      <c r="J20" s="24">
        <v>303</v>
      </c>
      <c r="K20" s="24">
        <v>255</v>
      </c>
      <c r="L20" s="25">
        <v>558</v>
      </c>
      <c r="M20" s="24">
        <v>885</v>
      </c>
      <c r="N20" s="24">
        <v>941</v>
      </c>
      <c r="O20" s="24">
        <v>588</v>
      </c>
      <c r="P20" s="25">
        <v>1529</v>
      </c>
      <c r="Q20" s="25">
        <v>2087</v>
      </c>
      <c r="R20" s="24">
        <v>520</v>
      </c>
      <c r="S20" s="24">
        <v>335</v>
      </c>
      <c r="T20" s="24">
        <v>239</v>
      </c>
      <c r="U20" s="25">
        <v>574</v>
      </c>
      <c r="V20" s="24">
        <v>826</v>
      </c>
      <c r="W20" s="24">
        <v>1142</v>
      </c>
      <c r="X20" s="24">
        <v>876</v>
      </c>
      <c r="Y20" s="25">
        <v>2018</v>
      </c>
      <c r="Z20" s="25">
        <v>2592</v>
      </c>
      <c r="AA20" s="25">
        <v>-505</v>
      </c>
      <c r="AB20" s="25">
        <v>-651</v>
      </c>
      <c r="AC20" s="26">
        <v>176768</v>
      </c>
      <c r="AD20" s="26">
        <v>203127</v>
      </c>
      <c r="AE20" s="26">
        <v>214100</v>
      </c>
      <c r="AF20" s="27">
        <v>417227</v>
      </c>
    </row>
    <row r="21" spans="1:32" ht="20.100000000000001" customHeight="1">
      <c r="A21" s="23">
        <v>4</v>
      </c>
      <c r="B21" s="24">
        <v>114</v>
      </c>
      <c r="C21" s="24">
        <v>107</v>
      </c>
      <c r="D21" s="25">
        <v>221</v>
      </c>
      <c r="E21" s="24">
        <v>166</v>
      </c>
      <c r="F21" s="24">
        <v>172</v>
      </c>
      <c r="G21" s="25">
        <v>338</v>
      </c>
      <c r="H21" s="25">
        <v>-117</v>
      </c>
      <c r="I21" s="24">
        <v>511</v>
      </c>
      <c r="J21" s="24">
        <v>212</v>
      </c>
      <c r="K21" s="24">
        <v>191</v>
      </c>
      <c r="L21" s="25">
        <v>403</v>
      </c>
      <c r="M21" s="24">
        <v>1052</v>
      </c>
      <c r="N21" s="24">
        <v>943</v>
      </c>
      <c r="O21" s="24">
        <v>540</v>
      </c>
      <c r="P21" s="25">
        <v>1483</v>
      </c>
      <c r="Q21" s="25">
        <v>1886</v>
      </c>
      <c r="R21" s="24">
        <v>382</v>
      </c>
      <c r="S21" s="24">
        <v>144</v>
      </c>
      <c r="T21" s="24">
        <v>139</v>
      </c>
      <c r="U21" s="25">
        <v>283</v>
      </c>
      <c r="V21" s="24">
        <v>489</v>
      </c>
      <c r="W21" s="24">
        <v>657</v>
      </c>
      <c r="X21" s="24">
        <v>486</v>
      </c>
      <c r="Y21" s="25">
        <v>1143</v>
      </c>
      <c r="Z21" s="25">
        <v>1426</v>
      </c>
      <c r="AA21" s="25">
        <v>460</v>
      </c>
      <c r="AB21" s="25">
        <v>343</v>
      </c>
      <c r="AC21" s="26">
        <v>177460</v>
      </c>
      <c r="AD21" s="26">
        <v>203429</v>
      </c>
      <c r="AE21" s="26">
        <v>214141</v>
      </c>
      <c r="AF21" s="27">
        <v>417570</v>
      </c>
    </row>
    <row r="22" spans="1:32" ht="20.100000000000001" customHeight="1">
      <c r="A22" s="23">
        <v>5</v>
      </c>
      <c r="B22" s="24">
        <v>147</v>
      </c>
      <c r="C22" s="24">
        <v>129</v>
      </c>
      <c r="D22" s="25">
        <v>276</v>
      </c>
      <c r="E22" s="24">
        <v>216</v>
      </c>
      <c r="F22" s="24">
        <v>193</v>
      </c>
      <c r="G22" s="25">
        <v>409</v>
      </c>
      <c r="H22" s="25">
        <v>-133</v>
      </c>
      <c r="I22" s="24">
        <v>365</v>
      </c>
      <c r="J22" s="24">
        <v>108</v>
      </c>
      <c r="K22" s="24">
        <v>129</v>
      </c>
      <c r="L22" s="25">
        <v>237</v>
      </c>
      <c r="M22" s="24">
        <v>446</v>
      </c>
      <c r="N22" s="24">
        <v>418</v>
      </c>
      <c r="O22" s="24">
        <v>235</v>
      </c>
      <c r="P22" s="25">
        <v>653</v>
      </c>
      <c r="Q22" s="25">
        <v>890</v>
      </c>
      <c r="R22" s="24">
        <v>368</v>
      </c>
      <c r="S22" s="24">
        <v>133</v>
      </c>
      <c r="T22" s="24">
        <v>107</v>
      </c>
      <c r="U22" s="25">
        <v>240</v>
      </c>
      <c r="V22" s="24">
        <v>250</v>
      </c>
      <c r="W22" s="24">
        <v>302</v>
      </c>
      <c r="X22" s="24">
        <v>233</v>
      </c>
      <c r="Y22" s="25">
        <v>535</v>
      </c>
      <c r="Z22" s="25">
        <v>775</v>
      </c>
      <c r="AA22" s="25">
        <v>115</v>
      </c>
      <c r="AB22" s="25">
        <v>-18</v>
      </c>
      <c r="AC22" s="26">
        <v>177653</v>
      </c>
      <c r="AD22" s="26">
        <v>203451</v>
      </c>
      <c r="AE22" s="26">
        <v>214101</v>
      </c>
      <c r="AF22" s="27">
        <v>417552</v>
      </c>
    </row>
    <row r="23" spans="1:32" ht="20.100000000000001" customHeight="1">
      <c r="A23" s="23">
        <v>6</v>
      </c>
      <c r="B23" s="24">
        <v>132</v>
      </c>
      <c r="C23" s="24">
        <v>119</v>
      </c>
      <c r="D23" s="25">
        <v>251</v>
      </c>
      <c r="E23" s="24">
        <v>158</v>
      </c>
      <c r="F23" s="24">
        <v>155</v>
      </c>
      <c r="G23" s="25">
        <v>313</v>
      </c>
      <c r="H23" s="25">
        <v>-62</v>
      </c>
      <c r="I23" s="24">
        <v>317</v>
      </c>
      <c r="J23" s="24">
        <v>99</v>
      </c>
      <c r="K23" s="24">
        <v>103</v>
      </c>
      <c r="L23" s="25">
        <v>202</v>
      </c>
      <c r="M23" s="24">
        <v>386</v>
      </c>
      <c r="N23" s="24">
        <v>342</v>
      </c>
      <c r="O23" s="24">
        <v>228</v>
      </c>
      <c r="P23" s="25">
        <v>570</v>
      </c>
      <c r="Q23" s="25">
        <v>772</v>
      </c>
      <c r="R23" s="24">
        <v>316</v>
      </c>
      <c r="S23" s="24">
        <v>127</v>
      </c>
      <c r="T23" s="24">
        <v>139</v>
      </c>
      <c r="U23" s="25">
        <v>266</v>
      </c>
      <c r="V23" s="24">
        <v>254</v>
      </c>
      <c r="W23" s="24">
        <v>324</v>
      </c>
      <c r="X23" s="24">
        <v>200</v>
      </c>
      <c r="Y23" s="25">
        <v>524</v>
      </c>
      <c r="Z23" s="25">
        <v>790</v>
      </c>
      <c r="AA23" s="25">
        <v>-18</v>
      </c>
      <c r="AB23" s="25">
        <v>-80</v>
      </c>
      <c r="AC23" s="26">
        <v>177786</v>
      </c>
      <c r="AD23" s="26">
        <v>203415</v>
      </c>
      <c r="AE23" s="26">
        <v>214057</v>
      </c>
      <c r="AF23" s="27">
        <v>417472</v>
      </c>
    </row>
    <row r="24" spans="1:32" ht="20.100000000000001" customHeight="1">
      <c r="A24" s="23">
        <v>7</v>
      </c>
      <c r="B24" s="24">
        <v>171</v>
      </c>
      <c r="C24" s="24">
        <v>125</v>
      </c>
      <c r="D24" s="25">
        <v>296</v>
      </c>
      <c r="E24" s="24">
        <v>194</v>
      </c>
      <c r="F24" s="24">
        <v>188</v>
      </c>
      <c r="G24" s="25">
        <v>382</v>
      </c>
      <c r="H24" s="25">
        <v>-86</v>
      </c>
      <c r="I24" s="24">
        <v>344</v>
      </c>
      <c r="J24" s="24">
        <v>110</v>
      </c>
      <c r="K24" s="24">
        <v>123</v>
      </c>
      <c r="L24" s="25">
        <v>233</v>
      </c>
      <c r="M24" s="24">
        <v>559</v>
      </c>
      <c r="N24" s="24">
        <v>500</v>
      </c>
      <c r="O24" s="24">
        <v>295</v>
      </c>
      <c r="P24" s="25">
        <v>795</v>
      </c>
      <c r="Q24" s="25">
        <v>1028</v>
      </c>
      <c r="R24" s="24">
        <v>354</v>
      </c>
      <c r="S24" s="24">
        <v>129</v>
      </c>
      <c r="T24" s="24">
        <v>120</v>
      </c>
      <c r="U24" s="25">
        <v>249</v>
      </c>
      <c r="V24" s="24">
        <v>308</v>
      </c>
      <c r="W24" s="24">
        <v>314</v>
      </c>
      <c r="X24" s="24">
        <v>257</v>
      </c>
      <c r="Y24" s="25">
        <v>571</v>
      </c>
      <c r="Z24" s="25">
        <v>820</v>
      </c>
      <c r="AA24" s="25">
        <v>208</v>
      </c>
      <c r="AB24" s="25">
        <v>122</v>
      </c>
      <c r="AC24" s="26">
        <v>178027</v>
      </c>
      <c r="AD24" s="26">
        <v>203559</v>
      </c>
      <c r="AE24" s="26">
        <v>214035</v>
      </c>
      <c r="AF24" s="27">
        <v>417594</v>
      </c>
    </row>
    <row r="25" spans="1:32" ht="20.100000000000001" customHeight="1">
      <c r="A25" s="23">
        <v>8</v>
      </c>
      <c r="B25" s="24"/>
      <c r="C25" s="24"/>
      <c r="D25" s="25">
        <v>0</v>
      </c>
      <c r="E25" s="24"/>
      <c r="F25" s="24"/>
      <c r="G25" s="25">
        <v>0</v>
      </c>
      <c r="H25" s="25">
        <v>0</v>
      </c>
      <c r="I25" s="24"/>
      <c r="J25" s="24"/>
      <c r="K25" s="24"/>
      <c r="L25" s="25">
        <v>0</v>
      </c>
      <c r="M25" s="24"/>
      <c r="N25" s="24"/>
      <c r="O25" s="24"/>
      <c r="P25" s="25">
        <v>0</v>
      </c>
      <c r="Q25" s="25">
        <v>0</v>
      </c>
      <c r="R25" s="24"/>
      <c r="S25" s="24"/>
      <c r="T25" s="24"/>
      <c r="U25" s="25">
        <v>0</v>
      </c>
      <c r="V25" s="24"/>
      <c r="W25" s="24"/>
      <c r="X25" s="24"/>
      <c r="Y25" s="25">
        <v>0</v>
      </c>
      <c r="Z25" s="25">
        <v>0</v>
      </c>
      <c r="AA25" s="25">
        <v>0</v>
      </c>
      <c r="AB25" s="25">
        <v>0</v>
      </c>
      <c r="AC25" s="26" t="s">
        <v>29</v>
      </c>
      <c r="AD25" s="26" t="s">
        <v>29</v>
      </c>
      <c r="AE25" s="26" t="s">
        <v>29</v>
      </c>
      <c r="AF25" s="27">
        <v>0</v>
      </c>
    </row>
    <row r="26" spans="1:32" ht="20.100000000000001" customHeight="1">
      <c r="A26" s="23">
        <v>9</v>
      </c>
      <c r="B26" s="24"/>
      <c r="C26" s="24"/>
      <c r="D26" s="25">
        <v>0</v>
      </c>
      <c r="E26" s="24"/>
      <c r="F26" s="24"/>
      <c r="G26" s="25">
        <v>0</v>
      </c>
      <c r="H26" s="25">
        <v>0</v>
      </c>
      <c r="I26" s="24"/>
      <c r="J26" s="24"/>
      <c r="K26" s="24"/>
      <c r="L26" s="25">
        <v>0</v>
      </c>
      <c r="M26" s="24"/>
      <c r="N26" s="24"/>
      <c r="O26" s="24"/>
      <c r="P26" s="25">
        <v>0</v>
      </c>
      <c r="Q26" s="25">
        <v>0</v>
      </c>
      <c r="R26" s="24"/>
      <c r="S26" s="24"/>
      <c r="T26" s="24"/>
      <c r="U26" s="25">
        <v>0</v>
      </c>
      <c r="V26" s="24"/>
      <c r="W26" s="24"/>
      <c r="X26" s="24"/>
      <c r="Y26" s="25">
        <v>0</v>
      </c>
      <c r="Z26" s="25">
        <v>0</v>
      </c>
      <c r="AA26" s="25">
        <v>0</v>
      </c>
      <c r="AB26" s="25">
        <v>0</v>
      </c>
      <c r="AC26" s="26" t="s">
        <v>29</v>
      </c>
      <c r="AD26" s="26" t="s">
        <v>29</v>
      </c>
      <c r="AE26" s="26" t="s">
        <v>29</v>
      </c>
      <c r="AF26" s="27">
        <v>0</v>
      </c>
    </row>
    <row r="27" spans="1:32" ht="20.100000000000001" customHeight="1">
      <c r="A27" s="23">
        <v>10</v>
      </c>
      <c r="B27" s="24"/>
      <c r="C27" s="24"/>
      <c r="D27" s="25">
        <v>0</v>
      </c>
      <c r="E27" s="24"/>
      <c r="F27" s="24"/>
      <c r="G27" s="25">
        <v>0</v>
      </c>
      <c r="H27" s="25">
        <v>0</v>
      </c>
      <c r="I27" s="24"/>
      <c r="J27" s="24"/>
      <c r="K27" s="24"/>
      <c r="L27" s="25">
        <v>0</v>
      </c>
      <c r="M27" s="24"/>
      <c r="N27" s="24"/>
      <c r="O27" s="24"/>
      <c r="P27" s="25">
        <v>0</v>
      </c>
      <c r="Q27" s="25">
        <v>0</v>
      </c>
      <c r="R27" s="24"/>
      <c r="S27" s="24"/>
      <c r="T27" s="24"/>
      <c r="U27" s="25">
        <v>0</v>
      </c>
      <c r="V27" s="24"/>
      <c r="W27" s="24"/>
      <c r="X27" s="24"/>
      <c r="Y27" s="25">
        <v>0</v>
      </c>
      <c r="Z27" s="25">
        <v>0</v>
      </c>
      <c r="AA27" s="25">
        <v>0</v>
      </c>
      <c r="AB27" s="25">
        <v>0</v>
      </c>
      <c r="AC27" s="26" t="s">
        <v>29</v>
      </c>
      <c r="AD27" s="26" t="s">
        <v>29</v>
      </c>
      <c r="AE27" s="26" t="s">
        <v>29</v>
      </c>
      <c r="AF27" s="27">
        <v>0</v>
      </c>
    </row>
    <row r="28" spans="1:32" ht="20.100000000000001" customHeight="1">
      <c r="A28" s="23">
        <v>11</v>
      </c>
      <c r="B28" s="24"/>
      <c r="C28" s="24"/>
      <c r="D28" s="25">
        <v>0</v>
      </c>
      <c r="E28" s="24"/>
      <c r="F28" s="24"/>
      <c r="G28" s="25">
        <v>0</v>
      </c>
      <c r="H28" s="25">
        <v>0</v>
      </c>
      <c r="I28" s="24"/>
      <c r="J28" s="24"/>
      <c r="K28" s="24"/>
      <c r="L28" s="25">
        <v>0</v>
      </c>
      <c r="M28" s="24"/>
      <c r="N28" s="24"/>
      <c r="O28" s="24"/>
      <c r="P28" s="25">
        <v>0</v>
      </c>
      <c r="Q28" s="25">
        <v>0</v>
      </c>
      <c r="R28" s="24"/>
      <c r="S28" s="24"/>
      <c r="T28" s="24"/>
      <c r="U28" s="25">
        <v>0</v>
      </c>
      <c r="V28" s="24"/>
      <c r="W28" s="24"/>
      <c r="X28" s="24"/>
      <c r="Y28" s="25">
        <v>0</v>
      </c>
      <c r="Z28" s="25">
        <v>0</v>
      </c>
      <c r="AA28" s="25">
        <v>0</v>
      </c>
      <c r="AB28" s="25">
        <v>0</v>
      </c>
      <c r="AC28" s="26" t="s">
        <v>29</v>
      </c>
      <c r="AD28" s="26" t="s">
        <v>29</v>
      </c>
      <c r="AE28" s="26" t="s">
        <v>29</v>
      </c>
      <c r="AF28" s="27">
        <v>0</v>
      </c>
    </row>
    <row r="29" spans="1:32" ht="20.100000000000001" customHeight="1">
      <c r="A29" s="28">
        <v>12</v>
      </c>
      <c r="B29" s="29"/>
      <c r="C29" s="29"/>
      <c r="D29" s="30">
        <v>0</v>
      </c>
      <c r="E29" s="29"/>
      <c r="F29" s="29"/>
      <c r="G29" s="30">
        <v>0</v>
      </c>
      <c r="H29" s="30">
        <v>0</v>
      </c>
      <c r="I29" s="29"/>
      <c r="J29" s="29"/>
      <c r="K29" s="29"/>
      <c r="L29" s="30">
        <v>0</v>
      </c>
      <c r="M29" s="29"/>
      <c r="N29" s="29"/>
      <c r="O29" s="29"/>
      <c r="P29" s="30">
        <v>0</v>
      </c>
      <c r="Q29" s="30">
        <v>0</v>
      </c>
      <c r="R29" s="29"/>
      <c r="S29" s="29"/>
      <c r="T29" s="29"/>
      <c r="U29" s="30">
        <v>0</v>
      </c>
      <c r="V29" s="29"/>
      <c r="W29" s="29"/>
      <c r="X29" s="29"/>
      <c r="Y29" s="30">
        <v>0</v>
      </c>
      <c r="Z29" s="30">
        <v>0</v>
      </c>
      <c r="AA29" s="30">
        <v>0</v>
      </c>
      <c r="AB29" s="30">
        <v>0</v>
      </c>
      <c r="AC29" s="31" t="s">
        <v>29</v>
      </c>
      <c r="AD29" s="31" t="s">
        <v>29</v>
      </c>
      <c r="AE29" s="31" t="s">
        <v>29</v>
      </c>
      <c r="AF29" s="32">
        <v>0</v>
      </c>
    </row>
    <row r="30" spans="1:32" ht="20.100000000000001" customHeight="1">
      <c r="A30" s="14" t="s">
        <v>24</v>
      </c>
      <c r="B30" s="33">
        <v>965</v>
      </c>
      <c r="C30" s="33">
        <v>855</v>
      </c>
      <c r="D30" s="33">
        <v>1820</v>
      </c>
      <c r="E30" s="33">
        <v>1432</v>
      </c>
      <c r="F30" s="33">
        <v>1363</v>
      </c>
      <c r="G30" s="33">
        <v>2795</v>
      </c>
      <c r="H30" s="33">
        <v>-975</v>
      </c>
      <c r="I30" s="33">
        <v>2721</v>
      </c>
      <c r="J30" s="33">
        <v>1019</v>
      </c>
      <c r="K30" s="33">
        <v>1019</v>
      </c>
      <c r="L30" s="33">
        <v>2038</v>
      </c>
      <c r="M30" s="33">
        <v>4214</v>
      </c>
      <c r="N30" s="33">
        <v>3948</v>
      </c>
      <c r="O30" s="33">
        <v>2345</v>
      </c>
      <c r="P30" s="33">
        <v>6293</v>
      </c>
      <c r="Q30" s="33">
        <v>8331</v>
      </c>
      <c r="R30" s="33">
        <v>2722</v>
      </c>
      <c r="S30" s="33">
        <v>1144</v>
      </c>
      <c r="T30" s="33">
        <v>964</v>
      </c>
      <c r="U30" s="33">
        <v>2108</v>
      </c>
      <c r="V30" s="33">
        <v>2589</v>
      </c>
      <c r="W30" s="33">
        <v>3246</v>
      </c>
      <c r="X30" s="33">
        <v>2453</v>
      </c>
      <c r="Y30" s="33">
        <v>5699</v>
      </c>
      <c r="Z30" s="33">
        <v>7807</v>
      </c>
      <c r="AA30" s="33">
        <v>524</v>
      </c>
      <c r="AB30" s="33">
        <v>-451</v>
      </c>
      <c r="AC30" s="34"/>
      <c r="AD30" s="34"/>
      <c r="AE30" s="34"/>
      <c r="AF30" s="35"/>
    </row>
    <row r="31" spans="1:32">
      <c r="H31" s="36"/>
      <c r="I31" s="36"/>
      <c r="J31" s="36"/>
      <c r="K31" s="36"/>
      <c r="L31" s="36"/>
      <c r="M31" s="36"/>
      <c r="N31" s="36"/>
      <c r="O31" s="36"/>
      <c r="P31" s="36"/>
      <c r="Q31" s="36"/>
      <c r="R31" s="36"/>
      <c r="S31" s="36"/>
      <c r="T31" s="36"/>
      <c r="U31" s="36"/>
      <c r="V31" s="36"/>
      <c r="W31" s="36"/>
      <c r="X31" s="36"/>
      <c r="Y31" s="36"/>
      <c r="Z31" s="36"/>
      <c r="AA31" s="36"/>
      <c r="AB31" s="36"/>
      <c r="AC31" s="36"/>
      <c r="AD31" s="36"/>
      <c r="AE31" s="36"/>
      <c r="AF31" s="36"/>
    </row>
    <row r="32" spans="1:32">
      <c r="B32" s="37" t="s">
        <v>30</v>
      </c>
      <c r="E32" s="36"/>
      <c r="F32" s="36"/>
      <c r="G32" s="36"/>
      <c r="H32" s="36"/>
      <c r="I32" s="36"/>
      <c r="J32" s="36"/>
      <c r="K32" s="36"/>
      <c r="L32" s="36"/>
      <c r="M32" s="36"/>
      <c r="N32" s="36"/>
      <c r="O32" s="36"/>
      <c r="P32" s="36"/>
      <c r="Q32" s="36"/>
      <c r="R32" s="36"/>
      <c r="S32" s="36"/>
      <c r="T32" s="36"/>
      <c r="U32" s="36"/>
      <c r="V32" s="36"/>
      <c r="W32" s="36"/>
      <c r="X32" s="36"/>
      <c r="Y32" s="36"/>
      <c r="AA32" s="36"/>
      <c r="AB32" s="38"/>
      <c r="AC32" s="38"/>
      <c r="AD32" s="38"/>
      <c r="AE32" s="38"/>
      <c r="AF32" s="38"/>
    </row>
    <row r="33" spans="2:2">
      <c r="B33" s="37" t="s">
        <v>31</v>
      </c>
    </row>
  </sheetData>
  <mergeCells count="27">
    <mergeCell ref="M6:O6"/>
    <mergeCell ref="R6:T6"/>
    <mergeCell ref="M1:W1"/>
    <mergeCell ref="K3:O3"/>
    <mergeCell ref="P3:T3"/>
    <mergeCell ref="M5:O5"/>
    <mergeCell ref="R5:T5"/>
    <mergeCell ref="A14:A16"/>
    <mergeCell ref="B14:H14"/>
    <mergeCell ref="I14:AA14"/>
    <mergeCell ref="B15:D16"/>
    <mergeCell ref="E15:G16"/>
    <mergeCell ref="R7:T7"/>
    <mergeCell ref="R8:T8"/>
    <mergeCell ref="M10:O10"/>
    <mergeCell ref="R10:T10"/>
    <mergeCell ref="K12:X12"/>
    <mergeCell ref="AC15:AF16"/>
    <mergeCell ref="I16:L16"/>
    <mergeCell ref="M16:P16"/>
    <mergeCell ref="R16:U16"/>
    <mergeCell ref="V16:Y16"/>
    <mergeCell ref="H15:H16"/>
    <mergeCell ref="I15:Q15"/>
    <mergeCell ref="R15:Z15"/>
    <mergeCell ref="AA15:AA16"/>
    <mergeCell ref="AB15:AB16"/>
  </mergeCells>
  <phoneticPr fontId="3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08-02T02:51:19Z</dcterms:created>
  <dcterms:modified xsi:type="dcterms:W3CDTF">2018-08-02T05:58:35Z</dcterms:modified>
</cp:coreProperties>
</file>